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lang w:eastAsia="cs-CZ"/>
        </w:rPr>
        <w:t>Dobrý den,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lang w:eastAsia="cs-CZ"/>
        </w:rPr>
        <w:t> 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A867F7">
        <w:rPr>
          <w:rFonts w:ascii="Calibri" w:eastAsia="Times New Roman" w:hAnsi="Calibri" w:cs="Calibri"/>
          <w:lang w:eastAsia="cs-CZ"/>
        </w:rPr>
        <w:t>XXXXXXXXXXXX</w:t>
      </w:r>
      <w:r w:rsidRPr="00A57072">
        <w:rPr>
          <w:rFonts w:ascii="Calibri" w:eastAsia="Times New Roman" w:hAnsi="Calibri" w:cs="Calibri"/>
          <w:lang w:eastAsia="cs-CZ"/>
        </w:rPr>
        <w:t>, bude fakturovaná částkou 123.010,- Kč bez DPH a 137.771,20 Kč s DPH 12%.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lang w:eastAsia="cs-CZ"/>
        </w:rPr>
        <w:t> 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lang w:eastAsia="cs-CZ"/>
        </w:rPr>
        <w:t>S pozdravem,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lang w:eastAsia="cs-CZ"/>
        </w:rPr>
        <w:t> </w:t>
      </w:r>
    </w:p>
    <w:p w:rsidR="00A57072" w:rsidRPr="00A57072" w:rsidRDefault="00A867F7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X</w:t>
      </w:r>
    </w:p>
    <w:p w:rsidR="00A57072" w:rsidRDefault="00A57072" w:rsidP="00A57072">
      <w:pPr>
        <w:spacing w:after="0" w:line="240" w:lineRule="auto"/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</w:pPr>
      <w:r w:rsidRPr="00A57072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  <w:r w:rsidR="00A867F7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,</w:t>
      </w:r>
    </w:p>
    <w:p w:rsid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</w:p>
    <w:p w:rsidR="00A867F7" w:rsidRPr="00A57072" w:rsidRDefault="00A867F7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XXXXX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A5707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A867F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A5707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A867F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X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A5707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A867F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  <w:bookmarkStart w:id="0" w:name="_GoBack"/>
      <w:bookmarkEnd w:id="0"/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 wp14:anchorId="00A27201" wp14:editId="72FC3C1E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A57072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 wp14:anchorId="519B4E19" wp14:editId="4E0FFC8F">
            <wp:extent cx="3657600" cy="349885"/>
            <wp:effectExtent l="0" t="0" r="0" b="0"/>
            <wp:docPr id="1" name="Obrázek 1" descr="C:\Users\s0126\AppData\Local\Temp\IceWarp Desktop Client temporary files\gehlstrm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gehlstrm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57072" w:rsidRPr="00A57072" w:rsidRDefault="00A57072" w:rsidP="00A57072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57072">
        <w:rPr>
          <w:rFonts w:ascii="Calibri" w:eastAsia="Times New Roman" w:hAnsi="Calibri" w:cs="Calibri"/>
          <w:lang w:eastAsia="cs-CZ"/>
        </w:rPr>
        <w:t> </w:t>
      </w:r>
    </w:p>
    <w:p w:rsidR="00F609E8" w:rsidRDefault="00F609E8"/>
    <w:sectPr w:rsidR="00F609E8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57072"/>
    <w:rsid w:val="00A57072"/>
    <w:rsid w:val="00A867F7"/>
    <w:rsid w:val="00F609E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attachedSchema w:val="#unknown"/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57072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5707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57072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57072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5707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57072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742792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</Words>
  <Characters>357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5-02-26T14:13:00Z</dcterms:created>
  <dcterms:modified xsi:type="dcterms:W3CDTF">2025-02-26T14:13:00Z</dcterms:modified>
</cp:coreProperties>
</file>